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jsb16vpro01\Redirect$\i0240071\Desktop\"/>
    </mc:Choice>
  </mc:AlternateContent>
  <bookViews>
    <workbookView xWindow="0" yWindow="0" windowWidth="20490" windowHeight="7530"/>
  </bookViews>
  <sheets>
    <sheet name="第1表" sheetId="1" r:id="rId1"/>
    <sheet name="第2表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6" uniqueCount="39">
  <si>
    <t>第1表　令和2年国勢調査 名古屋市の人口と世帯数（確定値）</t>
    <rPh sb="0" eb="1">
      <t>ダイ</t>
    </rPh>
    <rPh sb="2" eb="3">
      <t>ヒョウ</t>
    </rPh>
    <rPh sb="4" eb="6">
      <t>レイワ</t>
    </rPh>
    <rPh sb="7" eb="8">
      <t>ネン</t>
    </rPh>
    <rPh sb="8" eb="10">
      <t>コクセイ</t>
    </rPh>
    <rPh sb="10" eb="12">
      <t>チョウサ</t>
    </rPh>
    <rPh sb="13" eb="17">
      <t>ナゴヤシ</t>
    </rPh>
    <rPh sb="18" eb="20">
      <t>ジンコウ</t>
    </rPh>
    <rPh sb="21" eb="24">
      <t>セタイスウ</t>
    </rPh>
    <rPh sb="25" eb="28">
      <t>カクテイチ</t>
    </rPh>
    <phoneticPr fontId="5"/>
  </si>
  <si>
    <t>確定値（令和2年10月1日）</t>
    <rPh sb="4" eb="6">
      <t>レイワ</t>
    </rPh>
    <rPh sb="7" eb="8">
      <t>ネン</t>
    </rPh>
    <rPh sb="10" eb="11">
      <t>ガツ</t>
    </rPh>
    <rPh sb="12" eb="13">
      <t>ニチ</t>
    </rPh>
    <phoneticPr fontId="5"/>
  </si>
  <si>
    <t>前回（平成27年10月1日）</t>
    <rPh sb="0" eb="2">
      <t>ゼンカイ</t>
    </rPh>
    <rPh sb="3" eb="5">
      <t>ヘイセイ</t>
    </rPh>
    <rPh sb="7" eb="8">
      <t>ネン</t>
    </rPh>
    <rPh sb="10" eb="11">
      <t>ガツ</t>
    </rPh>
    <rPh sb="12" eb="13">
      <t>ニチ</t>
    </rPh>
    <phoneticPr fontId="5"/>
  </si>
  <si>
    <t>前回との増減数</t>
    <rPh sb="4" eb="6">
      <t>ゾウゲン</t>
    </rPh>
    <rPh sb="6" eb="7">
      <t>スウ</t>
    </rPh>
    <phoneticPr fontId="5"/>
  </si>
  <si>
    <t>１世帯</t>
    <phoneticPr fontId="5"/>
  </si>
  <si>
    <t>人　口</t>
    <rPh sb="0" eb="1">
      <t>ヒト</t>
    </rPh>
    <rPh sb="2" eb="3">
      <t>クチ</t>
    </rPh>
    <phoneticPr fontId="4"/>
  </si>
  <si>
    <t>世 帯 数</t>
    <rPh sb="0" eb="1">
      <t>ヨ</t>
    </rPh>
    <rPh sb="2" eb="3">
      <t>オビ</t>
    </rPh>
    <rPh sb="4" eb="5">
      <t>スウ</t>
    </rPh>
    <phoneticPr fontId="4"/>
  </si>
  <si>
    <t>当たり</t>
    <rPh sb="0" eb="1">
      <t>ア</t>
    </rPh>
    <phoneticPr fontId="5"/>
  </si>
  <si>
    <t>人　員</t>
    <rPh sb="0" eb="1">
      <t>ヒト</t>
    </rPh>
    <rPh sb="2" eb="3">
      <t>イン</t>
    </rPh>
    <phoneticPr fontId="5"/>
  </si>
  <si>
    <t>（人）</t>
    <rPh sb="1" eb="2">
      <t>ニン</t>
    </rPh>
    <phoneticPr fontId="4"/>
  </si>
  <si>
    <t>（世帯）</t>
    <rPh sb="1" eb="3">
      <t>セタイ</t>
    </rPh>
    <phoneticPr fontId="4"/>
  </si>
  <si>
    <t>（人）</t>
  </si>
  <si>
    <t>名古屋市</t>
  </si>
  <si>
    <t>千種区</t>
  </si>
  <si>
    <t>東　区</t>
  </si>
  <si>
    <t>北　区</t>
  </si>
  <si>
    <t>西　区</t>
  </si>
  <si>
    <t>中村区</t>
  </si>
  <si>
    <t>中　区</t>
  </si>
  <si>
    <t>昭和区</t>
  </si>
  <si>
    <t>瑞穂区</t>
  </si>
  <si>
    <t>熱田区</t>
  </si>
  <si>
    <t>中川区</t>
  </si>
  <si>
    <t>港　区</t>
  </si>
  <si>
    <t>南　区</t>
  </si>
  <si>
    <t>守山区</t>
  </si>
  <si>
    <t>緑　区</t>
  </si>
  <si>
    <t>名東区</t>
  </si>
  <si>
    <t>天白区</t>
  </si>
  <si>
    <t>第2表　区別、年齢（3区分）別人口及び割合</t>
    <rPh sb="0" eb="1">
      <t>ダイ</t>
    </rPh>
    <rPh sb="2" eb="3">
      <t>ヒョウ</t>
    </rPh>
    <rPh sb="4" eb="6">
      <t>クベツ</t>
    </rPh>
    <rPh sb="7" eb="9">
      <t>ネンレイ</t>
    </rPh>
    <rPh sb="11" eb="13">
      <t>クブン</t>
    </rPh>
    <rPh sb="14" eb="15">
      <t>ベツ</t>
    </rPh>
    <rPh sb="15" eb="17">
      <t>ジンコウ</t>
    </rPh>
    <rPh sb="17" eb="18">
      <t>オヨ</t>
    </rPh>
    <rPh sb="19" eb="21">
      <t>ワリアイ</t>
    </rPh>
    <phoneticPr fontId="5"/>
  </si>
  <si>
    <t>令　和　2　年</t>
    <rPh sb="0" eb="1">
      <t>レイ</t>
    </rPh>
    <rPh sb="2" eb="3">
      <t>ワ</t>
    </rPh>
    <rPh sb="6" eb="7">
      <t>ネン</t>
    </rPh>
    <phoneticPr fontId="4"/>
  </si>
  <si>
    <t>（　前　回　）　平　成　27　年</t>
    <rPh sb="2" eb="3">
      <t>マエ</t>
    </rPh>
    <rPh sb="4" eb="5">
      <t>カイ</t>
    </rPh>
    <rPh sb="8" eb="9">
      <t>ヘイ</t>
    </rPh>
    <rPh sb="10" eb="11">
      <t>セイ</t>
    </rPh>
    <rPh sb="15" eb="16">
      <t>ネン</t>
    </rPh>
    <phoneticPr fontId="5"/>
  </si>
  <si>
    <t>15 歳 未 満</t>
    <rPh sb="3" eb="4">
      <t>サイ</t>
    </rPh>
    <rPh sb="5" eb="6">
      <t>ミ</t>
    </rPh>
    <rPh sb="7" eb="8">
      <t>ミツル</t>
    </rPh>
    <phoneticPr fontId="5"/>
  </si>
  <si>
    <t>15 ～ 64 歳</t>
    <rPh sb="8" eb="9">
      <t>サイ</t>
    </rPh>
    <phoneticPr fontId="5"/>
  </si>
  <si>
    <t>65 歳 以 上</t>
    <rPh sb="3" eb="4">
      <t>トシ</t>
    </rPh>
    <rPh sb="5" eb="6">
      <t>イ</t>
    </rPh>
    <rPh sb="7" eb="8">
      <t>ウエ</t>
    </rPh>
    <phoneticPr fontId="5"/>
  </si>
  <si>
    <t>人 口</t>
    <rPh sb="0" eb="1">
      <t>ヒト</t>
    </rPh>
    <rPh sb="2" eb="3">
      <t>クチ</t>
    </rPh>
    <phoneticPr fontId="5"/>
  </si>
  <si>
    <t>割合</t>
    <rPh sb="0" eb="2">
      <t>ワリアイ</t>
    </rPh>
    <phoneticPr fontId="5"/>
  </si>
  <si>
    <t>（％）</t>
    <phoneticPr fontId="5"/>
  </si>
  <si>
    <t>注）不詳補完値により算出したものであり、平成27年は令和2年国勢調査結果で公表されている遡及集計値を用いている。</t>
    <rPh sb="0" eb="1">
      <t>チュウ</t>
    </rPh>
    <rPh sb="2" eb="4">
      <t>フショウ</t>
    </rPh>
    <rPh sb="4" eb="6">
      <t>ホカン</t>
    </rPh>
    <rPh sb="6" eb="7">
      <t>チ</t>
    </rPh>
    <rPh sb="10" eb="12">
      <t>サンシュツ</t>
    </rPh>
    <rPh sb="20" eb="22">
      <t>ヘイセイ</t>
    </rPh>
    <rPh sb="24" eb="25">
      <t>ネン</t>
    </rPh>
    <rPh sb="26" eb="28">
      <t>レイワ</t>
    </rPh>
    <rPh sb="29" eb="30">
      <t>ネン</t>
    </rPh>
    <rPh sb="30" eb="32">
      <t>コクセイ</t>
    </rPh>
    <rPh sb="32" eb="34">
      <t>チョウサ</t>
    </rPh>
    <rPh sb="34" eb="36">
      <t>ケッカ</t>
    </rPh>
    <rPh sb="37" eb="39">
      <t>コウヒョウ</t>
    </rPh>
    <rPh sb="44" eb="46">
      <t>ソキュウ</t>
    </rPh>
    <rPh sb="46" eb="48">
      <t>シュウケイ</t>
    </rPh>
    <rPh sb="48" eb="49">
      <t>チ</t>
    </rPh>
    <rPh sb="50" eb="51">
      <t>モチ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;[Red]\-#,##0\ "/>
    <numFmt numFmtId="177" formatCode="0.00_ ;[Red]\-0.00\ "/>
    <numFmt numFmtId="178" formatCode="#,##0.0_ ;[Red]\-#,##0.0\ "/>
  </numFmts>
  <fonts count="8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2"/>
      <color theme="1"/>
      <name val="游ゴシック"/>
      <family val="3"/>
      <charset val="128"/>
    </font>
    <font>
      <sz val="14"/>
      <color theme="1"/>
      <name val="游ゴシック"/>
      <family val="3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>
      <alignment vertical="center"/>
    </xf>
  </cellStyleXfs>
  <cellXfs count="78">
    <xf numFmtId="0" fontId="0" fillId="0" borderId="0" xfId="0">
      <alignment vertical="center"/>
    </xf>
    <xf numFmtId="0" fontId="3" fillId="0" borderId="0" xfId="2" applyFont="1" applyFill="1">
      <alignment vertical="center"/>
    </xf>
    <xf numFmtId="0" fontId="6" fillId="0" borderId="0" xfId="2" applyFont="1" applyFill="1">
      <alignment vertical="center"/>
    </xf>
    <xf numFmtId="0" fontId="6" fillId="0" borderId="1" xfId="2" applyFont="1" applyFill="1" applyBorder="1" applyAlignment="1">
      <alignment vertical="center"/>
    </xf>
    <xf numFmtId="0" fontId="6" fillId="0" borderId="0" xfId="2" applyFont="1" applyFill="1" applyAlignment="1">
      <alignment vertical="center"/>
    </xf>
    <xf numFmtId="0" fontId="6" fillId="0" borderId="5" xfId="2" applyFont="1" applyFill="1" applyBorder="1" applyAlignment="1">
      <alignment vertical="center"/>
    </xf>
    <xf numFmtId="0" fontId="6" fillId="0" borderId="6" xfId="2" applyFont="1" applyFill="1" applyBorder="1" applyAlignment="1">
      <alignment horizontal="center" vertical="center"/>
    </xf>
    <xf numFmtId="0" fontId="6" fillId="0" borderId="7" xfId="2" applyFont="1" applyFill="1" applyBorder="1" applyAlignment="1">
      <alignment horizontal="center" vertical="center"/>
    </xf>
    <xf numFmtId="0" fontId="6" fillId="0" borderId="8" xfId="2" applyFont="1" applyFill="1" applyBorder="1" applyAlignment="1">
      <alignment horizontal="center" vertical="center"/>
    </xf>
    <xf numFmtId="0" fontId="6" fillId="0" borderId="9" xfId="2" applyFont="1" applyFill="1" applyBorder="1" applyAlignment="1">
      <alignment horizontal="center" vertical="center"/>
    </xf>
    <xf numFmtId="0" fontId="6" fillId="0" borderId="10" xfId="2" applyFont="1" applyFill="1" applyBorder="1" applyAlignment="1">
      <alignment horizontal="center" vertical="center"/>
    </xf>
    <xf numFmtId="0" fontId="6" fillId="0" borderId="11" xfId="2" applyFont="1" applyFill="1" applyBorder="1" applyAlignment="1">
      <alignment horizontal="center" vertical="center"/>
    </xf>
    <xf numFmtId="0" fontId="6" fillId="0" borderId="12" xfId="2" applyFont="1" applyFill="1" applyBorder="1" applyAlignment="1">
      <alignment horizontal="center" vertical="center"/>
    </xf>
    <xf numFmtId="0" fontId="6" fillId="0" borderId="13" xfId="2" applyFont="1" applyFill="1" applyBorder="1" applyAlignment="1">
      <alignment horizontal="center" vertical="center"/>
    </xf>
    <xf numFmtId="0" fontId="6" fillId="0" borderId="14" xfId="2" applyFont="1" applyFill="1" applyBorder="1" applyAlignment="1">
      <alignment horizontal="center" vertical="center" wrapText="1"/>
    </xf>
    <xf numFmtId="0" fontId="6" fillId="0" borderId="15" xfId="2" applyFont="1" applyFill="1" applyBorder="1" applyAlignment="1">
      <alignment horizontal="center" vertical="center"/>
    </xf>
    <xf numFmtId="0" fontId="6" fillId="0" borderId="16" xfId="2" applyFont="1" applyFill="1" applyBorder="1" applyAlignment="1">
      <alignment horizontal="center" vertical="center"/>
    </xf>
    <xf numFmtId="0" fontId="6" fillId="0" borderId="17" xfId="2" applyFont="1" applyFill="1" applyBorder="1" applyAlignment="1">
      <alignment horizontal="center" vertical="center" wrapText="1"/>
    </xf>
    <xf numFmtId="0" fontId="6" fillId="0" borderId="14" xfId="2" applyFont="1" applyFill="1" applyBorder="1" applyAlignment="1">
      <alignment horizontal="center" vertical="center"/>
    </xf>
    <xf numFmtId="0" fontId="6" fillId="0" borderId="17" xfId="2" applyFont="1" applyFill="1" applyBorder="1" applyAlignment="1">
      <alignment horizontal="center" vertical="center"/>
    </xf>
    <xf numFmtId="0" fontId="6" fillId="0" borderId="0" xfId="2" applyFont="1" applyFill="1" applyAlignment="1">
      <alignment horizontal="center" vertical="center"/>
    </xf>
    <xf numFmtId="0" fontId="6" fillId="0" borderId="18" xfId="2" applyFont="1" applyFill="1" applyBorder="1" applyAlignment="1">
      <alignment horizontal="center" vertical="center"/>
    </xf>
    <xf numFmtId="0" fontId="6" fillId="0" borderId="19" xfId="2" applyFont="1" applyFill="1" applyBorder="1" applyAlignment="1">
      <alignment horizontal="center" vertical="center"/>
    </xf>
    <xf numFmtId="0" fontId="6" fillId="0" borderId="20" xfId="2" applyFont="1" applyFill="1" applyBorder="1" applyAlignment="1">
      <alignment horizontal="center" vertical="center"/>
    </xf>
    <xf numFmtId="0" fontId="6" fillId="0" borderId="21" xfId="2" applyFont="1" applyFill="1" applyBorder="1" applyAlignment="1">
      <alignment horizontal="center" vertical="top"/>
    </xf>
    <xf numFmtId="0" fontId="6" fillId="0" borderId="22" xfId="2" applyFont="1" applyFill="1" applyBorder="1" applyAlignment="1">
      <alignment horizontal="center" vertical="center"/>
    </xf>
    <xf numFmtId="0" fontId="6" fillId="0" borderId="23" xfId="2" applyFont="1" applyFill="1" applyBorder="1" applyAlignment="1">
      <alignment horizontal="center" vertical="center"/>
    </xf>
    <xf numFmtId="0" fontId="6" fillId="0" borderId="24" xfId="2" applyFont="1" applyFill="1" applyBorder="1" applyAlignment="1">
      <alignment horizontal="center" vertical="top"/>
    </xf>
    <xf numFmtId="0" fontId="6" fillId="0" borderId="1" xfId="2" applyFont="1" applyFill="1" applyBorder="1" applyAlignment="1">
      <alignment horizontal="center" vertical="center" wrapText="1"/>
    </xf>
    <xf numFmtId="38" fontId="7" fillId="0" borderId="25" xfId="1" applyFont="1" applyFill="1" applyBorder="1" applyAlignment="1">
      <alignment horizontal="right" vertical="center" wrapText="1" indent="1"/>
    </xf>
    <xf numFmtId="38" fontId="7" fillId="0" borderId="26" xfId="1" applyFont="1" applyFill="1" applyBorder="1" applyAlignment="1">
      <alignment horizontal="right" vertical="center" wrapText="1" indent="1"/>
    </xf>
    <xf numFmtId="40" fontId="7" fillId="0" borderId="1" xfId="1" applyNumberFormat="1" applyFont="1" applyFill="1" applyBorder="1" applyAlignment="1">
      <alignment horizontal="right" vertical="center" wrapText="1" indent="1"/>
    </xf>
    <xf numFmtId="40" fontId="7" fillId="0" borderId="26" xfId="1" applyNumberFormat="1" applyFont="1" applyFill="1" applyBorder="1" applyAlignment="1">
      <alignment horizontal="right" vertical="center" wrapText="1" indent="1"/>
    </xf>
    <xf numFmtId="176" fontId="6" fillId="0" borderId="0" xfId="2" applyNumberFormat="1" applyFont="1" applyFill="1">
      <alignment vertical="center"/>
    </xf>
    <xf numFmtId="177" fontId="6" fillId="0" borderId="0" xfId="2" applyNumberFormat="1" applyFont="1" applyFill="1">
      <alignment vertical="center"/>
    </xf>
    <xf numFmtId="0" fontId="6" fillId="0" borderId="5" xfId="2" applyFont="1" applyFill="1" applyBorder="1" applyAlignment="1">
      <alignment horizontal="center" vertical="center" wrapText="1"/>
    </xf>
    <xf numFmtId="38" fontId="7" fillId="0" borderId="12" xfId="1" applyFont="1" applyFill="1" applyBorder="1" applyAlignment="1">
      <alignment horizontal="right" vertical="center" wrapText="1" indent="1"/>
    </xf>
    <xf numFmtId="38" fontId="7" fillId="0" borderId="0" xfId="1" applyFont="1" applyFill="1" applyBorder="1" applyAlignment="1">
      <alignment horizontal="right" vertical="center" wrapText="1" indent="1"/>
    </xf>
    <xf numFmtId="40" fontId="7" fillId="0" borderId="5" xfId="1" applyNumberFormat="1" applyFont="1" applyFill="1" applyBorder="1" applyAlignment="1">
      <alignment horizontal="right" vertical="center" wrapText="1" indent="1"/>
    </xf>
    <xf numFmtId="40" fontId="7" fillId="0" borderId="0" xfId="1" applyNumberFormat="1" applyFont="1" applyFill="1" applyBorder="1" applyAlignment="1">
      <alignment horizontal="right" vertical="center" wrapText="1" indent="1"/>
    </xf>
    <xf numFmtId="0" fontId="6" fillId="0" borderId="18" xfId="2" applyFont="1" applyFill="1" applyBorder="1" applyAlignment="1">
      <alignment horizontal="center" vertical="center" wrapText="1"/>
    </xf>
    <xf numFmtId="38" fontId="7" fillId="0" borderId="19" xfId="1" applyFont="1" applyFill="1" applyBorder="1" applyAlignment="1">
      <alignment horizontal="right" vertical="center" wrapText="1" indent="1"/>
    </xf>
    <xf numFmtId="38" fontId="7" fillId="0" borderId="27" xfId="1" applyFont="1" applyFill="1" applyBorder="1" applyAlignment="1">
      <alignment horizontal="right" vertical="center" wrapText="1" indent="1"/>
    </xf>
    <xf numFmtId="40" fontId="7" fillId="0" borderId="18" xfId="1" applyNumberFormat="1" applyFont="1" applyFill="1" applyBorder="1" applyAlignment="1">
      <alignment horizontal="right" vertical="center" wrapText="1" indent="1"/>
    </xf>
    <xf numFmtId="40" fontId="7" fillId="0" borderId="27" xfId="1" applyNumberFormat="1" applyFont="1" applyFill="1" applyBorder="1" applyAlignment="1">
      <alignment horizontal="right" vertical="center" wrapText="1" indent="1"/>
    </xf>
    <xf numFmtId="0" fontId="6" fillId="0" borderId="0" xfId="2" applyFont="1" applyFill="1" applyBorder="1">
      <alignment vertical="center"/>
    </xf>
    <xf numFmtId="0" fontId="3" fillId="0" borderId="0" xfId="2" applyFont="1" applyFill="1" applyBorder="1">
      <alignment vertical="center"/>
    </xf>
    <xf numFmtId="0" fontId="6" fillId="0" borderId="33" xfId="2" applyFont="1" applyFill="1" applyBorder="1" applyAlignment="1">
      <alignment horizontal="center" vertical="center"/>
    </xf>
    <xf numFmtId="0" fontId="6" fillId="0" borderId="34" xfId="2" applyFont="1" applyFill="1" applyBorder="1" applyAlignment="1">
      <alignment horizontal="center" vertical="center"/>
    </xf>
    <xf numFmtId="0" fontId="6" fillId="0" borderId="35" xfId="2" applyFont="1" applyFill="1" applyBorder="1" applyAlignment="1">
      <alignment horizontal="center" vertical="center"/>
    </xf>
    <xf numFmtId="0" fontId="6" fillId="0" borderId="36" xfId="2" applyFont="1" applyFill="1" applyBorder="1" applyAlignment="1">
      <alignment horizontal="center" vertical="center"/>
    </xf>
    <xf numFmtId="0" fontId="6" fillId="0" borderId="18" xfId="2" applyFont="1" applyFill="1" applyBorder="1" applyAlignment="1">
      <alignment vertical="center"/>
    </xf>
    <xf numFmtId="0" fontId="6" fillId="0" borderId="37" xfId="2" applyFont="1" applyFill="1" applyBorder="1" applyAlignment="1">
      <alignment horizontal="center" vertical="center"/>
    </xf>
    <xf numFmtId="0" fontId="6" fillId="0" borderId="38" xfId="2" applyFont="1" applyFill="1" applyBorder="1" applyAlignment="1">
      <alignment horizontal="center" vertical="center"/>
    </xf>
    <xf numFmtId="0" fontId="6" fillId="0" borderId="39" xfId="2" applyFont="1" applyFill="1" applyBorder="1" applyAlignment="1">
      <alignment horizontal="center" vertical="center"/>
    </xf>
    <xf numFmtId="0" fontId="6" fillId="0" borderId="24" xfId="2" applyFont="1" applyFill="1" applyBorder="1" applyAlignment="1">
      <alignment horizontal="center" vertical="center"/>
    </xf>
    <xf numFmtId="176" fontId="7" fillId="0" borderId="25" xfId="2" applyNumberFormat="1" applyFont="1" applyFill="1" applyBorder="1" applyAlignment="1">
      <alignment horizontal="right" vertical="center" wrapText="1"/>
    </xf>
    <xf numFmtId="178" fontId="7" fillId="0" borderId="26" xfId="2" applyNumberFormat="1" applyFont="1" applyFill="1" applyBorder="1" applyAlignment="1">
      <alignment horizontal="right" vertical="center" wrapText="1"/>
    </xf>
    <xf numFmtId="176" fontId="7" fillId="0" borderId="26" xfId="2" applyNumberFormat="1" applyFont="1" applyFill="1" applyBorder="1" applyAlignment="1">
      <alignment horizontal="right" vertical="center" wrapText="1"/>
    </xf>
    <xf numFmtId="178" fontId="7" fillId="0" borderId="1" xfId="2" applyNumberFormat="1" applyFont="1" applyFill="1" applyBorder="1" applyAlignment="1">
      <alignment horizontal="right" vertical="center" wrapText="1"/>
    </xf>
    <xf numFmtId="176" fontId="7" fillId="0" borderId="12" xfId="2" applyNumberFormat="1" applyFont="1" applyFill="1" applyBorder="1" applyAlignment="1">
      <alignment horizontal="right" vertical="center" wrapText="1"/>
    </xf>
    <xf numFmtId="178" fontId="7" fillId="0" borderId="0" xfId="2" applyNumberFormat="1" applyFont="1" applyFill="1" applyBorder="1" applyAlignment="1">
      <alignment horizontal="right" vertical="center" wrapText="1"/>
    </xf>
    <xf numFmtId="176" fontId="7" fillId="0" borderId="0" xfId="2" applyNumberFormat="1" applyFont="1" applyFill="1" applyBorder="1" applyAlignment="1">
      <alignment horizontal="right" vertical="center" wrapText="1"/>
    </xf>
    <xf numFmtId="178" fontId="7" fillId="0" borderId="5" xfId="2" applyNumberFormat="1" applyFont="1" applyFill="1" applyBorder="1" applyAlignment="1">
      <alignment horizontal="right" vertical="center" wrapText="1"/>
    </xf>
    <xf numFmtId="176" fontId="7" fillId="0" borderId="19" xfId="2" applyNumberFormat="1" applyFont="1" applyFill="1" applyBorder="1" applyAlignment="1">
      <alignment horizontal="right" vertical="center" wrapText="1"/>
    </xf>
    <xf numFmtId="178" fontId="7" fillId="0" borderId="27" xfId="2" applyNumberFormat="1" applyFont="1" applyFill="1" applyBorder="1" applyAlignment="1">
      <alignment horizontal="right" vertical="center" wrapText="1"/>
    </xf>
    <xf numFmtId="176" fontId="7" fillId="0" borderId="27" xfId="2" applyNumberFormat="1" applyFont="1" applyFill="1" applyBorder="1" applyAlignment="1">
      <alignment horizontal="right" vertical="center" wrapText="1"/>
    </xf>
    <xf numFmtId="178" fontId="7" fillId="0" borderId="18" xfId="2" applyNumberFormat="1" applyFont="1" applyFill="1" applyBorder="1" applyAlignment="1">
      <alignment horizontal="right" vertical="center" wrapText="1"/>
    </xf>
    <xf numFmtId="0" fontId="6" fillId="0" borderId="2" xfId="2" applyFont="1" applyFill="1" applyBorder="1" applyAlignment="1">
      <alignment horizontal="center" vertical="center"/>
    </xf>
    <xf numFmtId="0" fontId="6" fillId="0" borderId="3" xfId="2" applyFont="1" applyFill="1" applyBorder="1" applyAlignment="1">
      <alignment horizontal="center" vertical="center"/>
    </xf>
    <xf numFmtId="0" fontId="6" fillId="0" borderId="4" xfId="2" applyFont="1" applyFill="1" applyBorder="1" applyAlignment="1">
      <alignment horizontal="center" vertical="center"/>
    </xf>
    <xf numFmtId="0" fontId="6" fillId="0" borderId="28" xfId="2" applyFont="1" applyFill="1" applyBorder="1" applyAlignment="1">
      <alignment horizontal="center" vertical="center"/>
    </xf>
    <xf numFmtId="0" fontId="6" fillId="0" borderId="29" xfId="2" applyFont="1" applyFill="1" applyBorder="1" applyAlignment="1">
      <alignment horizontal="center" vertical="center"/>
    </xf>
    <xf numFmtId="0" fontId="6" fillId="0" borderId="30" xfId="2" applyFont="1" applyFill="1" applyBorder="1" applyAlignment="1">
      <alignment horizontal="center" vertical="center" wrapText="1"/>
    </xf>
    <xf numFmtId="0" fontId="6" fillId="0" borderId="29" xfId="2" applyFont="1" applyFill="1" applyBorder="1" applyAlignment="1">
      <alignment horizontal="center" vertical="center" wrapText="1"/>
    </xf>
    <xf numFmtId="0" fontId="6" fillId="0" borderId="30" xfId="2" applyFont="1" applyFill="1" applyBorder="1" applyAlignment="1">
      <alignment horizontal="center" vertical="center"/>
    </xf>
    <xf numFmtId="0" fontId="6" fillId="0" borderId="31" xfId="2" applyFont="1" applyFill="1" applyBorder="1" applyAlignment="1">
      <alignment horizontal="center" vertical="center"/>
    </xf>
    <xf numFmtId="0" fontId="6" fillId="0" borderId="32" xfId="2" applyFont="1" applyFill="1" applyBorder="1" applyAlignment="1">
      <alignment horizontal="center" vertical="center"/>
    </xf>
  </cellXfs>
  <cellStyles count="3">
    <cellStyle name="桁区切り" xfId="1" builtinId="6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B1:Q26"/>
  <sheetViews>
    <sheetView showGridLines="0" tabSelected="1" zoomScale="85" zoomScaleNormal="85" workbookViewId="0"/>
  </sheetViews>
  <sheetFormatPr defaultRowHeight="19.5" x14ac:dyDescent="0.4"/>
  <cols>
    <col min="1" max="1" width="1.125" style="2" customWidth="1"/>
    <col min="2" max="2" width="11.875" style="2" customWidth="1"/>
    <col min="3" max="4" width="15.625" style="2" customWidth="1"/>
    <col min="5" max="5" width="12.125" style="2" customWidth="1"/>
    <col min="6" max="7" width="15.625" style="2" customWidth="1"/>
    <col min="8" max="8" width="12.125" style="2" customWidth="1"/>
    <col min="9" max="10" width="15.625" style="2" customWidth="1"/>
    <col min="11" max="11" width="12.125" style="2" customWidth="1"/>
    <col min="12" max="13" width="9" style="2"/>
    <col min="14" max="14" width="9.5" style="2" bestFit="1" customWidth="1"/>
    <col min="15" max="16384" width="9" style="2"/>
  </cols>
  <sheetData>
    <row r="1" spans="2:17" ht="24" customHeight="1" thickBot="1" x14ac:dyDescent="0.45">
      <c r="B1" s="1" t="s">
        <v>0</v>
      </c>
    </row>
    <row r="2" spans="2:17" s="4" customFormat="1" ht="22.5" customHeight="1" x14ac:dyDescent="0.4">
      <c r="B2" s="3"/>
      <c r="C2" s="68" t="s">
        <v>1</v>
      </c>
      <c r="D2" s="69"/>
      <c r="E2" s="70"/>
      <c r="F2" s="68" t="s">
        <v>2</v>
      </c>
      <c r="G2" s="69"/>
      <c r="H2" s="70"/>
      <c r="I2" s="68" t="s">
        <v>3</v>
      </c>
      <c r="J2" s="69"/>
      <c r="K2" s="69"/>
    </row>
    <row r="3" spans="2:17" s="4" customFormat="1" ht="22.5" customHeight="1" x14ac:dyDescent="0.4">
      <c r="B3" s="5"/>
      <c r="C3" s="6"/>
      <c r="D3" s="7"/>
      <c r="E3" s="8" t="s">
        <v>4</v>
      </c>
      <c r="F3" s="9"/>
      <c r="G3" s="7"/>
      <c r="H3" s="8" t="s">
        <v>4</v>
      </c>
      <c r="I3" s="9"/>
      <c r="J3" s="10"/>
      <c r="K3" s="11" t="s">
        <v>4</v>
      </c>
    </row>
    <row r="4" spans="2:17" s="4" customFormat="1" ht="22.5" customHeight="1" x14ac:dyDescent="0.4">
      <c r="B4" s="5"/>
      <c r="C4" s="12" t="s">
        <v>5</v>
      </c>
      <c r="D4" s="13" t="s">
        <v>6</v>
      </c>
      <c r="E4" s="14" t="s">
        <v>7</v>
      </c>
      <c r="F4" s="15" t="s">
        <v>5</v>
      </c>
      <c r="G4" s="13" t="s">
        <v>6</v>
      </c>
      <c r="H4" s="14" t="s">
        <v>7</v>
      </c>
      <c r="I4" s="15" t="s">
        <v>5</v>
      </c>
      <c r="J4" s="16" t="s">
        <v>6</v>
      </c>
      <c r="K4" s="17" t="s">
        <v>7</v>
      </c>
    </row>
    <row r="5" spans="2:17" s="4" customFormat="1" ht="22.5" customHeight="1" x14ac:dyDescent="0.4">
      <c r="B5" s="5"/>
      <c r="C5" s="12"/>
      <c r="D5" s="13"/>
      <c r="E5" s="18" t="s">
        <v>8</v>
      </c>
      <c r="F5" s="15"/>
      <c r="G5" s="13"/>
      <c r="H5" s="18" t="s">
        <v>8</v>
      </c>
      <c r="I5" s="15"/>
      <c r="J5" s="16"/>
      <c r="K5" s="19" t="s">
        <v>8</v>
      </c>
      <c r="N5" s="20"/>
      <c r="O5" s="20"/>
      <c r="P5" s="20"/>
    </row>
    <row r="6" spans="2:17" s="20" customFormat="1" ht="22.5" customHeight="1" thickBot="1" x14ac:dyDescent="0.45">
      <c r="B6" s="21"/>
      <c r="C6" s="22" t="s">
        <v>9</v>
      </c>
      <c r="D6" s="23" t="s">
        <v>10</v>
      </c>
      <c r="E6" s="24" t="s">
        <v>11</v>
      </c>
      <c r="F6" s="25" t="s">
        <v>9</v>
      </c>
      <c r="G6" s="23" t="s">
        <v>10</v>
      </c>
      <c r="H6" s="24" t="s">
        <v>11</v>
      </c>
      <c r="I6" s="25" t="s">
        <v>9</v>
      </c>
      <c r="J6" s="26" t="s">
        <v>10</v>
      </c>
      <c r="K6" s="27" t="s">
        <v>11</v>
      </c>
    </row>
    <row r="7" spans="2:17" ht="25.5" customHeight="1" x14ac:dyDescent="0.4">
      <c r="B7" s="28" t="s">
        <v>12</v>
      </c>
      <c r="C7" s="29">
        <v>2332176</v>
      </c>
      <c r="D7" s="30">
        <v>1122103</v>
      </c>
      <c r="E7" s="31">
        <v>2.08</v>
      </c>
      <c r="F7" s="30">
        <v>2295638</v>
      </c>
      <c r="G7" s="30">
        <v>1058497</v>
      </c>
      <c r="H7" s="31">
        <v>2.17</v>
      </c>
      <c r="I7" s="29">
        <v>36538</v>
      </c>
      <c r="J7" s="30">
        <v>63606</v>
      </c>
      <c r="K7" s="32">
        <v>-0.09</v>
      </c>
      <c r="N7" s="33"/>
      <c r="O7" s="33"/>
      <c r="P7" s="34"/>
      <c r="Q7" s="34"/>
    </row>
    <row r="8" spans="2:17" ht="25.5" customHeight="1" x14ac:dyDescent="0.4">
      <c r="B8" s="35" t="s">
        <v>13</v>
      </c>
      <c r="C8" s="36">
        <v>165245</v>
      </c>
      <c r="D8" s="37">
        <v>86281</v>
      </c>
      <c r="E8" s="38">
        <v>1.92</v>
      </c>
      <c r="F8" s="37">
        <v>164696</v>
      </c>
      <c r="G8" s="37">
        <v>85028</v>
      </c>
      <c r="H8" s="38">
        <v>1.94</v>
      </c>
      <c r="I8" s="36">
        <v>549</v>
      </c>
      <c r="J8" s="37">
        <v>1253</v>
      </c>
      <c r="K8" s="39">
        <v>-0.02</v>
      </c>
      <c r="N8" s="33"/>
      <c r="O8" s="33"/>
      <c r="P8" s="34"/>
      <c r="Q8" s="34"/>
    </row>
    <row r="9" spans="2:17" ht="25.5" customHeight="1" x14ac:dyDescent="0.4">
      <c r="B9" s="35" t="s">
        <v>14</v>
      </c>
      <c r="C9" s="36">
        <v>84392</v>
      </c>
      <c r="D9" s="37">
        <v>45762</v>
      </c>
      <c r="E9" s="38">
        <v>1.84</v>
      </c>
      <c r="F9" s="37">
        <v>78043</v>
      </c>
      <c r="G9" s="37">
        <v>41311</v>
      </c>
      <c r="H9" s="38">
        <v>1.89</v>
      </c>
      <c r="I9" s="36">
        <v>6349</v>
      </c>
      <c r="J9" s="37">
        <v>4451</v>
      </c>
      <c r="K9" s="39">
        <v>-0.05</v>
      </c>
      <c r="N9" s="33"/>
      <c r="O9" s="33"/>
      <c r="P9" s="34"/>
      <c r="Q9" s="34"/>
    </row>
    <row r="10" spans="2:17" ht="25.5" customHeight="1" x14ac:dyDescent="0.4">
      <c r="B10" s="35" t="s">
        <v>15</v>
      </c>
      <c r="C10" s="36">
        <v>162956</v>
      </c>
      <c r="D10" s="37">
        <v>79169</v>
      </c>
      <c r="E10" s="38">
        <v>2.06</v>
      </c>
      <c r="F10" s="37">
        <v>163579</v>
      </c>
      <c r="G10" s="37">
        <v>75428</v>
      </c>
      <c r="H10" s="38">
        <v>2.17</v>
      </c>
      <c r="I10" s="36">
        <v>-623</v>
      </c>
      <c r="J10" s="37">
        <v>3741</v>
      </c>
      <c r="K10" s="39">
        <v>-0.11</v>
      </c>
      <c r="N10" s="33"/>
      <c r="O10" s="33"/>
      <c r="P10" s="34"/>
      <c r="Q10" s="34"/>
    </row>
    <row r="11" spans="2:17" ht="25.5" customHeight="1" x14ac:dyDescent="0.4">
      <c r="B11" s="35" t="s">
        <v>16</v>
      </c>
      <c r="C11" s="36">
        <v>151082</v>
      </c>
      <c r="D11" s="37">
        <v>74257</v>
      </c>
      <c r="E11" s="38">
        <v>2.0299999999999998</v>
      </c>
      <c r="F11" s="37">
        <v>149098</v>
      </c>
      <c r="G11" s="37">
        <v>70078</v>
      </c>
      <c r="H11" s="38">
        <v>2.13</v>
      </c>
      <c r="I11" s="36">
        <v>1984</v>
      </c>
      <c r="J11" s="37">
        <v>4179</v>
      </c>
      <c r="K11" s="39">
        <v>-0.1</v>
      </c>
      <c r="N11" s="33"/>
      <c r="O11" s="33"/>
      <c r="P11" s="34"/>
      <c r="Q11" s="34"/>
    </row>
    <row r="12" spans="2:17" ht="25.5" customHeight="1" x14ac:dyDescent="0.4">
      <c r="B12" s="35" t="s">
        <v>17</v>
      </c>
      <c r="C12" s="36">
        <v>138599</v>
      </c>
      <c r="D12" s="37">
        <v>74793</v>
      </c>
      <c r="E12" s="38">
        <v>1.85</v>
      </c>
      <c r="F12" s="37">
        <v>133206</v>
      </c>
      <c r="G12" s="37">
        <v>66039</v>
      </c>
      <c r="H12" s="38">
        <v>2.02</v>
      </c>
      <c r="I12" s="36">
        <v>5393</v>
      </c>
      <c r="J12" s="37">
        <v>8754</v>
      </c>
      <c r="K12" s="39">
        <v>-0.17</v>
      </c>
      <c r="N12" s="33"/>
      <c r="O12" s="33"/>
      <c r="P12" s="34"/>
      <c r="Q12" s="34"/>
    </row>
    <row r="13" spans="2:17" ht="25.5" customHeight="1" x14ac:dyDescent="0.4">
      <c r="B13" s="35" t="s">
        <v>18</v>
      </c>
      <c r="C13" s="36">
        <v>93100</v>
      </c>
      <c r="D13" s="37">
        <v>63159</v>
      </c>
      <c r="E13" s="38">
        <v>1.47</v>
      </c>
      <c r="F13" s="37">
        <v>83203</v>
      </c>
      <c r="G13" s="37">
        <v>53533</v>
      </c>
      <c r="H13" s="38">
        <v>1.55</v>
      </c>
      <c r="I13" s="36">
        <v>9897</v>
      </c>
      <c r="J13" s="37">
        <v>9626</v>
      </c>
      <c r="K13" s="39">
        <v>-0.08</v>
      </c>
      <c r="N13" s="33"/>
      <c r="O13" s="33"/>
      <c r="P13" s="34"/>
      <c r="Q13" s="34"/>
    </row>
    <row r="14" spans="2:17" ht="25.5" customHeight="1" x14ac:dyDescent="0.4">
      <c r="B14" s="35" t="s">
        <v>19</v>
      </c>
      <c r="C14" s="36">
        <v>107599</v>
      </c>
      <c r="D14" s="37">
        <v>55059</v>
      </c>
      <c r="E14" s="38">
        <v>1.95</v>
      </c>
      <c r="F14" s="37">
        <v>107170</v>
      </c>
      <c r="G14" s="37">
        <v>55108</v>
      </c>
      <c r="H14" s="38">
        <v>1.94</v>
      </c>
      <c r="I14" s="36">
        <v>429</v>
      </c>
      <c r="J14" s="37">
        <v>-49</v>
      </c>
      <c r="K14" s="39">
        <v>0.01</v>
      </c>
      <c r="N14" s="33"/>
      <c r="O14" s="33"/>
      <c r="P14" s="34"/>
      <c r="Q14" s="34"/>
    </row>
    <row r="15" spans="2:17" ht="25.5" customHeight="1" x14ac:dyDescent="0.4">
      <c r="B15" s="35" t="s">
        <v>20</v>
      </c>
      <c r="C15" s="36">
        <v>108332</v>
      </c>
      <c r="D15" s="37">
        <v>51641</v>
      </c>
      <c r="E15" s="38">
        <v>2.1</v>
      </c>
      <c r="F15" s="37">
        <v>105357</v>
      </c>
      <c r="G15" s="37">
        <v>48629</v>
      </c>
      <c r="H15" s="38">
        <v>2.17</v>
      </c>
      <c r="I15" s="36">
        <v>2975</v>
      </c>
      <c r="J15" s="37">
        <v>3012</v>
      </c>
      <c r="K15" s="39">
        <v>-7.0000000000000007E-2</v>
      </c>
      <c r="N15" s="33"/>
      <c r="O15" s="33"/>
      <c r="P15" s="34"/>
      <c r="Q15" s="34"/>
    </row>
    <row r="16" spans="2:17" ht="25.5" customHeight="1" x14ac:dyDescent="0.4">
      <c r="B16" s="35" t="s">
        <v>21</v>
      </c>
      <c r="C16" s="36">
        <v>66957</v>
      </c>
      <c r="D16" s="37">
        <v>33791</v>
      </c>
      <c r="E16" s="38">
        <v>1.98</v>
      </c>
      <c r="F16" s="37">
        <v>65895</v>
      </c>
      <c r="G16" s="37">
        <v>31884</v>
      </c>
      <c r="H16" s="38">
        <v>2.0699999999999998</v>
      </c>
      <c r="I16" s="36">
        <v>1062</v>
      </c>
      <c r="J16" s="37">
        <v>1907</v>
      </c>
      <c r="K16" s="39">
        <v>-0.09</v>
      </c>
      <c r="N16" s="33"/>
      <c r="O16" s="33"/>
      <c r="P16" s="34"/>
      <c r="Q16" s="34"/>
    </row>
    <row r="17" spans="2:17" ht="25.5" customHeight="1" x14ac:dyDescent="0.4">
      <c r="B17" s="35" t="s">
        <v>22</v>
      </c>
      <c r="C17" s="36">
        <v>220728</v>
      </c>
      <c r="D17" s="37">
        <v>101148</v>
      </c>
      <c r="E17" s="38">
        <v>2.1800000000000002</v>
      </c>
      <c r="F17" s="37">
        <v>220281</v>
      </c>
      <c r="G17" s="37">
        <v>95495</v>
      </c>
      <c r="H17" s="38">
        <v>2.31</v>
      </c>
      <c r="I17" s="36">
        <v>447</v>
      </c>
      <c r="J17" s="37">
        <v>5653</v>
      </c>
      <c r="K17" s="39">
        <v>-0.13</v>
      </c>
      <c r="N17" s="33"/>
      <c r="O17" s="33"/>
      <c r="P17" s="34"/>
      <c r="Q17" s="34"/>
    </row>
    <row r="18" spans="2:17" ht="25.5" customHeight="1" x14ac:dyDescent="0.4">
      <c r="B18" s="35" t="s">
        <v>23</v>
      </c>
      <c r="C18" s="36">
        <v>143715</v>
      </c>
      <c r="D18" s="37">
        <v>63885</v>
      </c>
      <c r="E18" s="38">
        <v>2.25</v>
      </c>
      <c r="F18" s="37">
        <v>146745</v>
      </c>
      <c r="G18" s="37">
        <v>61713</v>
      </c>
      <c r="H18" s="38">
        <v>2.38</v>
      </c>
      <c r="I18" s="36">
        <v>-3030</v>
      </c>
      <c r="J18" s="37">
        <v>2172</v>
      </c>
      <c r="K18" s="39">
        <v>-0.13</v>
      </c>
      <c r="N18" s="33"/>
      <c r="O18" s="33"/>
      <c r="P18" s="34"/>
      <c r="Q18" s="34"/>
    </row>
    <row r="19" spans="2:17" ht="25.5" customHeight="1" x14ac:dyDescent="0.4">
      <c r="B19" s="35" t="s">
        <v>24</v>
      </c>
      <c r="C19" s="36">
        <v>134510</v>
      </c>
      <c r="D19" s="37">
        <v>62606</v>
      </c>
      <c r="E19" s="38">
        <v>2.15</v>
      </c>
      <c r="F19" s="37">
        <v>136935</v>
      </c>
      <c r="G19" s="37">
        <v>61064</v>
      </c>
      <c r="H19" s="38">
        <v>2.2400000000000002</v>
      </c>
      <c r="I19" s="36">
        <v>-2425</v>
      </c>
      <c r="J19" s="37">
        <v>1542</v>
      </c>
      <c r="K19" s="39">
        <v>-0.09</v>
      </c>
      <c r="N19" s="33"/>
      <c r="O19" s="33"/>
      <c r="P19" s="34"/>
      <c r="Q19" s="34"/>
    </row>
    <row r="20" spans="2:17" ht="25.5" customHeight="1" x14ac:dyDescent="0.4">
      <c r="B20" s="35" t="s">
        <v>25</v>
      </c>
      <c r="C20" s="36">
        <v>176587</v>
      </c>
      <c r="D20" s="37">
        <v>74939</v>
      </c>
      <c r="E20" s="38">
        <v>2.36</v>
      </c>
      <c r="F20" s="37">
        <v>172845</v>
      </c>
      <c r="G20" s="37">
        <v>69687</v>
      </c>
      <c r="H20" s="38">
        <v>2.48</v>
      </c>
      <c r="I20" s="36">
        <v>3742</v>
      </c>
      <c r="J20" s="37">
        <v>5252</v>
      </c>
      <c r="K20" s="39">
        <v>-0.12</v>
      </c>
      <c r="N20" s="33"/>
      <c r="O20" s="33"/>
      <c r="P20" s="34"/>
      <c r="Q20" s="34"/>
    </row>
    <row r="21" spans="2:17" ht="25.5" customHeight="1" x14ac:dyDescent="0.4">
      <c r="B21" s="35" t="s">
        <v>26</v>
      </c>
      <c r="C21" s="36">
        <v>248802</v>
      </c>
      <c r="D21" s="37">
        <v>101566</v>
      </c>
      <c r="E21" s="38">
        <v>2.4500000000000002</v>
      </c>
      <c r="F21" s="37">
        <v>241822</v>
      </c>
      <c r="G21" s="37">
        <v>95210</v>
      </c>
      <c r="H21" s="38">
        <v>2.54</v>
      </c>
      <c r="I21" s="36">
        <v>6980</v>
      </c>
      <c r="J21" s="37">
        <v>6356</v>
      </c>
      <c r="K21" s="39">
        <v>-0.09</v>
      </c>
      <c r="N21" s="33"/>
      <c r="O21" s="33"/>
      <c r="P21" s="34"/>
      <c r="Q21" s="34"/>
    </row>
    <row r="22" spans="2:17" ht="25.5" customHeight="1" x14ac:dyDescent="0.4">
      <c r="B22" s="35" t="s">
        <v>27</v>
      </c>
      <c r="C22" s="36">
        <v>164755</v>
      </c>
      <c r="D22" s="37">
        <v>75958</v>
      </c>
      <c r="E22" s="38">
        <v>2.17</v>
      </c>
      <c r="F22" s="37">
        <v>164080</v>
      </c>
      <c r="G22" s="37">
        <v>73922</v>
      </c>
      <c r="H22" s="38">
        <v>2.2200000000000002</v>
      </c>
      <c r="I22" s="36">
        <v>675</v>
      </c>
      <c r="J22" s="37">
        <v>2036</v>
      </c>
      <c r="K22" s="39">
        <v>-0.05</v>
      </c>
      <c r="N22" s="33"/>
      <c r="O22" s="33"/>
      <c r="P22" s="34"/>
      <c r="Q22" s="34"/>
    </row>
    <row r="23" spans="2:17" ht="25.5" customHeight="1" thickBot="1" x14ac:dyDescent="0.45">
      <c r="B23" s="40" t="s">
        <v>28</v>
      </c>
      <c r="C23" s="41">
        <v>164817</v>
      </c>
      <c r="D23" s="42">
        <v>78089</v>
      </c>
      <c r="E23" s="43">
        <v>2.11</v>
      </c>
      <c r="F23" s="42">
        <v>162683</v>
      </c>
      <c r="G23" s="42">
        <v>74368</v>
      </c>
      <c r="H23" s="43">
        <v>2.19</v>
      </c>
      <c r="I23" s="41">
        <v>2134</v>
      </c>
      <c r="J23" s="42">
        <v>3721</v>
      </c>
      <c r="K23" s="44">
        <v>-0.08</v>
      </c>
      <c r="N23" s="33"/>
      <c r="O23" s="33"/>
      <c r="P23" s="34"/>
      <c r="Q23" s="34"/>
    </row>
    <row r="24" spans="2:17" x14ac:dyDescent="0.4">
      <c r="F24" s="45"/>
      <c r="G24" s="45"/>
      <c r="H24" s="45"/>
    </row>
    <row r="25" spans="2:17" x14ac:dyDescent="0.4">
      <c r="F25" s="45"/>
      <c r="G25" s="45"/>
      <c r="H25" s="45"/>
    </row>
    <row r="26" spans="2:17" x14ac:dyDescent="0.4">
      <c r="F26" s="45"/>
      <c r="G26" s="45"/>
      <c r="H26" s="45"/>
    </row>
  </sheetData>
  <mergeCells count="3">
    <mergeCell ref="C2:E2"/>
    <mergeCell ref="F2:H2"/>
    <mergeCell ref="I2:K2"/>
  </mergeCells>
  <phoneticPr fontId="4"/>
  <pageMargins left="0.7" right="0.7" top="0.75" bottom="0.75" header="0.3" footer="0.3"/>
  <pageSetup paperSize="9" scale="84" orientation="landscape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  <pageSetUpPr fitToPage="1"/>
  </sheetPr>
  <dimension ref="B1:N23"/>
  <sheetViews>
    <sheetView showGridLines="0" zoomScale="85" zoomScaleNormal="85" workbookViewId="0"/>
  </sheetViews>
  <sheetFormatPr defaultRowHeight="19.5" x14ac:dyDescent="0.4"/>
  <cols>
    <col min="1" max="1" width="1.125" style="2" customWidth="1"/>
    <col min="2" max="2" width="11.875" style="2" customWidth="1"/>
    <col min="3" max="3" width="13" style="2" customWidth="1"/>
    <col min="4" max="4" width="7.375" style="2" customWidth="1"/>
    <col min="5" max="5" width="13" style="2" customWidth="1"/>
    <col min="6" max="6" width="7.375" style="2" customWidth="1"/>
    <col min="7" max="7" width="13" style="2" customWidth="1"/>
    <col min="8" max="8" width="7.375" style="2" customWidth="1"/>
    <col min="9" max="9" width="13" style="2" customWidth="1"/>
    <col min="10" max="10" width="7.375" style="2" customWidth="1"/>
    <col min="11" max="11" width="13" style="2" customWidth="1"/>
    <col min="12" max="12" width="7.375" style="2" customWidth="1"/>
    <col min="13" max="13" width="13" style="2" customWidth="1"/>
    <col min="14" max="14" width="7.375" style="2" customWidth="1"/>
    <col min="15" max="16384" width="9" style="2"/>
  </cols>
  <sheetData>
    <row r="1" spans="2:14" ht="24" customHeight="1" thickBot="1" x14ac:dyDescent="0.45">
      <c r="B1" s="46" t="s">
        <v>29</v>
      </c>
      <c r="C1" s="45"/>
      <c r="D1" s="45"/>
      <c r="E1" s="45"/>
      <c r="F1" s="45"/>
      <c r="G1" s="45"/>
      <c r="H1" s="45"/>
      <c r="I1" s="45"/>
      <c r="J1" s="45"/>
      <c r="K1" s="45"/>
      <c r="L1" s="45"/>
      <c r="M1" s="45"/>
      <c r="N1" s="45"/>
    </row>
    <row r="2" spans="2:14" s="4" customFormat="1" ht="22.5" customHeight="1" x14ac:dyDescent="0.4">
      <c r="B2" s="3"/>
      <c r="C2" s="68" t="s">
        <v>30</v>
      </c>
      <c r="D2" s="69"/>
      <c r="E2" s="69"/>
      <c r="F2" s="69"/>
      <c r="G2" s="69"/>
      <c r="H2" s="70"/>
      <c r="I2" s="68" t="s">
        <v>31</v>
      </c>
      <c r="J2" s="69"/>
      <c r="K2" s="69"/>
      <c r="L2" s="69"/>
      <c r="M2" s="69"/>
      <c r="N2" s="69"/>
    </row>
    <row r="3" spans="2:14" s="4" customFormat="1" ht="22.5" customHeight="1" x14ac:dyDescent="0.4">
      <c r="B3" s="5"/>
      <c r="C3" s="71" t="s">
        <v>32</v>
      </c>
      <c r="D3" s="72"/>
      <c r="E3" s="73" t="s">
        <v>33</v>
      </c>
      <c r="F3" s="74"/>
      <c r="G3" s="75" t="s">
        <v>34</v>
      </c>
      <c r="H3" s="76"/>
      <c r="I3" s="71" t="s">
        <v>32</v>
      </c>
      <c r="J3" s="72"/>
      <c r="K3" s="73" t="s">
        <v>33</v>
      </c>
      <c r="L3" s="74"/>
      <c r="M3" s="75" t="s">
        <v>34</v>
      </c>
      <c r="N3" s="77"/>
    </row>
    <row r="4" spans="2:14" s="4" customFormat="1" ht="22.5" customHeight="1" x14ac:dyDescent="0.4">
      <c r="B4" s="5"/>
      <c r="C4" s="47" t="s">
        <v>35</v>
      </c>
      <c r="D4" s="48" t="s">
        <v>36</v>
      </c>
      <c r="E4" s="49" t="s">
        <v>35</v>
      </c>
      <c r="F4" s="48" t="s">
        <v>36</v>
      </c>
      <c r="G4" s="49" t="s">
        <v>35</v>
      </c>
      <c r="H4" s="50" t="s">
        <v>36</v>
      </c>
      <c r="I4" s="12" t="s">
        <v>35</v>
      </c>
      <c r="J4" s="13" t="s">
        <v>36</v>
      </c>
      <c r="K4" s="19" t="s">
        <v>35</v>
      </c>
      <c r="L4" s="13" t="s">
        <v>36</v>
      </c>
      <c r="M4" s="19" t="s">
        <v>35</v>
      </c>
      <c r="N4" s="19" t="s">
        <v>36</v>
      </c>
    </row>
    <row r="5" spans="2:14" s="4" customFormat="1" ht="22.5" customHeight="1" thickBot="1" x14ac:dyDescent="0.45">
      <c r="B5" s="51"/>
      <c r="C5" s="52" t="s">
        <v>11</v>
      </c>
      <c r="D5" s="53" t="s">
        <v>37</v>
      </c>
      <c r="E5" s="52" t="s">
        <v>11</v>
      </c>
      <c r="F5" s="53" t="s">
        <v>37</v>
      </c>
      <c r="G5" s="52" t="s">
        <v>11</v>
      </c>
      <c r="H5" s="54" t="s">
        <v>37</v>
      </c>
      <c r="I5" s="25" t="s">
        <v>11</v>
      </c>
      <c r="J5" s="23" t="s">
        <v>37</v>
      </c>
      <c r="K5" s="23" t="s">
        <v>11</v>
      </c>
      <c r="L5" s="23" t="s">
        <v>37</v>
      </c>
      <c r="M5" s="23" t="s">
        <v>11</v>
      </c>
      <c r="N5" s="55" t="s">
        <v>37</v>
      </c>
    </row>
    <row r="6" spans="2:14" ht="25.5" customHeight="1" x14ac:dyDescent="0.4">
      <c r="B6" s="28" t="s">
        <v>12</v>
      </c>
      <c r="C6" s="56">
        <v>277393</v>
      </c>
      <c r="D6" s="57">
        <v>11.9</v>
      </c>
      <c r="E6" s="58">
        <v>1464735</v>
      </c>
      <c r="F6" s="57">
        <v>62.8</v>
      </c>
      <c r="G6" s="58">
        <v>590048</v>
      </c>
      <c r="H6" s="59">
        <v>25.3</v>
      </c>
      <c r="I6" s="56">
        <v>283123</v>
      </c>
      <c r="J6" s="57">
        <v>12.3</v>
      </c>
      <c r="K6" s="58">
        <v>1458525</v>
      </c>
      <c r="L6" s="57">
        <v>63.5</v>
      </c>
      <c r="M6" s="58">
        <v>553990</v>
      </c>
      <c r="N6" s="57">
        <v>24.1</v>
      </c>
    </row>
    <row r="7" spans="2:14" ht="25.5" customHeight="1" x14ac:dyDescent="0.4">
      <c r="B7" s="35" t="s">
        <v>13</v>
      </c>
      <c r="C7" s="60">
        <v>19293</v>
      </c>
      <c r="D7" s="61">
        <v>11.7</v>
      </c>
      <c r="E7" s="62">
        <v>105491</v>
      </c>
      <c r="F7" s="61">
        <v>63.8</v>
      </c>
      <c r="G7" s="62">
        <v>40461</v>
      </c>
      <c r="H7" s="63">
        <v>24.5</v>
      </c>
      <c r="I7" s="60">
        <v>18669</v>
      </c>
      <c r="J7" s="61">
        <v>11.3</v>
      </c>
      <c r="K7" s="62">
        <v>107247</v>
      </c>
      <c r="L7" s="61">
        <v>65.099999999999994</v>
      </c>
      <c r="M7" s="62">
        <v>38780</v>
      </c>
      <c r="N7" s="61">
        <v>23.5</v>
      </c>
    </row>
    <row r="8" spans="2:14" ht="25.5" customHeight="1" x14ac:dyDescent="0.4">
      <c r="B8" s="35" t="s">
        <v>14</v>
      </c>
      <c r="C8" s="60">
        <v>9645</v>
      </c>
      <c r="D8" s="61">
        <v>11.4</v>
      </c>
      <c r="E8" s="62">
        <v>56076</v>
      </c>
      <c r="F8" s="61">
        <v>66.400000000000006</v>
      </c>
      <c r="G8" s="62">
        <v>18671</v>
      </c>
      <c r="H8" s="63">
        <v>22.1</v>
      </c>
      <c r="I8" s="60">
        <v>8180</v>
      </c>
      <c r="J8" s="61">
        <v>10.5</v>
      </c>
      <c r="K8" s="62">
        <v>51401</v>
      </c>
      <c r="L8" s="61">
        <v>65.900000000000006</v>
      </c>
      <c r="M8" s="62">
        <v>18462</v>
      </c>
      <c r="N8" s="61">
        <v>23.7</v>
      </c>
    </row>
    <row r="9" spans="2:14" ht="25.5" customHeight="1" x14ac:dyDescent="0.4">
      <c r="B9" s="35" t="s">
        <v>15</v>
      </c>
      <c r="C9" s="60">
        <v>17228</v>
      </c>
      <c r="D9" s="61">
        <v>10.6</v>
      </c>
      <c r="E9" s="62">
        <v>98522</v>
      </c>
      <c r="F9" s="61">
        <v>60.5</v>
      </c>
      <c r="G9" s="62">
        <v>47206</v>
      </c>
      <c r="H9" s="63">
        <v>29</v>
      </c>
      <c r="I9" s="60">
        <v>18489</v>
      </c>
      <c r="J9" s="61">
        <v>11.3</v>
      </c>
      <c r="K9" s="62">
        <v>99814</v>
      </c>
      <c r="L9" s="61">
        <v>61</v>
      </c>
      <c r="M9" s="62">
        <v>45276</v>
      </c>
      <c r="N9" s="61">
        <v>27.7</v>
      </c>
    </row>
    <row r="10" spans="2:14" ht="25.5" customHeight="1" x14ac:dyDescent="0.4">
      <c r="B10" s="35" t="s">
        <v>16</v>
      </c>
      <c r="C10" s="60">
        <v>16983</v>
      </c>
      <c r="D10" s="61">
        <v>11.2</v>
      </c>
      <c r="E10" s="62">
        <v>96957</v>
      </c>
      <c r="F10" s="61">
        <v>64.2</v>
      </c>
      <c r="G10" s="62">
        <v>37142</v>
      </c>
      <c r="H10" s="63">
        <v>24.6</v>
      </c>
      <c r="I10" s="60">
        <v>17556</v>
      </c>
      <c r="J10" s="61">
        <v>11.8</v>
      </c>
      <c r="K10" s="62">
        <v>95676</v>
      </c>
      <c r="L10" s="61">
        <v>64.2</v>
      </c>
      <c r="M10" s="62">
        <v>35866</v>
      </c>
      <c r="N10" s="61">
        <v>24.1</v>
      </c>
    </row>
    <row r="11" spans="2:14" ht="25.5" customHeight="1" x14ac:dyDescent="0.4">
      <c r="B11" s="35" t="s">
        <v>17</v>
      </c>
      <c r="C11" s="60">
        <v>12854</v>
      </c>
      <c r="D11" s="61">
        <v>9.3000000000000007</v>
      </c>
      <c r="E11" s="62">
        <v>88324</v>
      </c>
      <c r="F11" s="61">
        <v>63.7</v>
      </c>
      <c r="G11" s="62">
        <v>37421</v>
      </c>
      <c r="H11" s="63">
        <v>27</v>
      </c>
      <c r="I11" s="60">
        <v>12946</v>
      </c>
      <c r="J11" s="61">
        <v>9.6999999999999993</v>
      </c>
      <c r="K11" s="62">
        <v>83639</v>
      </c>
      <c r="L11" s="61">
        <v>62.8</v>
      </c>
      <c r="M11" s="62">
        <v>36621</v>
      </c>
      <c r="N11" s="61">
        <v>27.5</v>
      </c>
    </row>
    <row r="12" spans="2:14" ht="25.5" customHeight="1" x14ac:dyDescent="0.4">
      <c r="B12" s="35" t="s">
        <v>18</v>
      </c>
      <c r="C12" s="60">
        <v>6145</v>
      </c>
      <c r="D12" s="61">
        <v>6.6</v>
      </c>
      <c r="E12" s="62">
        <v>68316</v>
      </c>
      <c r="F12" s="61">
        <v>73.400000000000006</v>
      </c>
      <c r="G12" s="62">
        <v>18639</v>
      </c>
      <c r="H12" s="63">
        <v>20</v>
      </c>
      <c r="I12" s="60">
        <v>5787</v>
      </c>
      <c r="J12" s="61">
        <v>7</v>
      </c>
      <c r="K12" s="62">
        <v>59747</v>
      </c>
      <c r="L12" s="61">
        <v>71.8</v>
      </c>
      <c r="M12" s="62">
        <v>17669</v>
      </c>
      <c r="N12" s="61">
        <v>21.2</v>
      </c>
    </row>
    <row r="13" spans="2:14" ht="25.5" customHeight="1" x14ac:dyDescent="0.4">
      <c r="B13" s="35" t="s">
        <v>19</v>
      </c>
      <c r="C13" s="60">
        <v>13015</v>
      </c>
      <c r="D13" s="61">
        <v>12.1</v>
      </c>
      <c r="E13" s="62">
        <v>69160</v>
      </c>
      <c r="F13" s="61">
        <v>64.3</v>
      </c>
      <c r="G13" s="62">
        <v>25424</v>
      </c>
      <c r="H13" s="63">
        <v>23.6</v>
      </c>
      <c r="I13" s="60">
        <v>11729</v>
      </c>
      <c r="J13" s="61">
        <v>10.9</v>
      </c>
      <c r="K13" s="62">
        <v>70385</v>
      </c>
      <c r="L13" s="61">
        <v>65.7</v>
      </c>
      <c r="M13" s="62">
        <v>25056</v>
      </c>
      <c r="N13" s="61">
        <v>23.4</v>
      </c>
    </row>
    <row r="14" spans="2:14" ht="25.5" customHeight="1" x14ac:dyDescent="0.4">
      <c r="B14" s="35" t="s">
        <v>20</v>
      </c>
      <c r="C14" s="60">
        <v>13212</v>
      </c>
      <c r="D14" s="61">
        <v>12.2</v>
      </c>
      <c r="E14" s="62">
        <v>65667</v>
      </c>
      <c r="F14" s="61">
        <v>60.6</v>
      </c>
      <c r="G14" s="62">
        <v>29453</v>
      </c>
      <c r="H14" s="63">
        <v>27.2</v>
      </c>
      <c r="I14" s="60">
        <v>12744</v>
      </c>
      <c r="J14" s="61">
        <v>12.1</v>
      </c>
      <c r="K14" s="62">
        <v>65382</v>
      </c>
      <c r="L14" s="61">
        <v>62.1</v>
      </c>
      <c r="M14" s="62">
        <v>27231</v>
      </c>
      <c r="N14" s="61">
        <v>25.8</v>
      </c>
    </row>
    <row r="15" spans="2:14" ht="25.5" customHeight="1" x14ac:dyDescent="0.4">
      <c r="B15" s="35" t="s">
        <v>21</v>
      </c>
      <c r="C15" s="60">
        <v>6774</v>
      </c>
      <c r="D15" s="61">
        <v>10.1</v>
      </c>
      <c r="E15" s="62">
        <v>42362</v>
      </c>
      <c r="F15" s="61">
        <v>63.3</v>
      </c>
      <c r="G15" s="62">
        <v>17821</v>
      </c>
      <c r="H15" s="63">
        <v>26.6</v>
      </c>
      <c r="I15" s="60">
        <v>6706</v>
      </c>
      <c r="J15" s="61">
        <v>10.199999999999999</v>
      </c>
      <c r="K15" s="62">
        <v>41855</v>
      </c>
      <c r="L15" s="61">
        <v>63.5</v>
      </c>
      <c r="M15" s="62">
        <v>17334</v>
      </c>
      <c r="N15" s="61">
        <v>26.3</v>
      </c>
    </row>
    <row r="16" spans="2:14" ht="25.5" customHeight="1" x14ac:dyDescent="0.4">
      <c r="B16" s="35" t="s">
        <v>22</v>
      </c>
      <c r="C16" s="60">
        <v>25899</v>
      </c>
      <c r="D16" s="61">
        <v>11.7</v>
      </c>
      <c r="E16" s="62">
        <v>139015</v>
      </c>
      <c r="F16" s="61">
        <v>63</v>
      </c>
      <c r="G16" s="62">
        <v>55814</v>
      </c>
      <c r="H16" s="63">
        <v>25.3</v>
      </c>
      <c r="I16" s="60">
        <v>28438</v>
      </c>
      <c r="J16" s="61">
        <v>12.9</v>
      </c>
      <c r="K16" s="62">
        <v>139065</v>
      </c>
      <c r="L16" s="61">
        <v>63.1</v>
      </c>
      <c r="M16" s="62">
        <v>52778</v>
      </c>
      <c r="N16" s="61">
        <v>24</v>
      </c>
    </row>
    <row r="17" spans="2:14" ht="25.5" customHeight="1" x14ac:dyDescent="0.4">
      <c r="B17" s="35" t="s">
        <v>23</v>
      </c>
      <c r="C17" s="60">
        <v>16364</v>
      </c>
      <c r="D17" s="61">
        <v>11.4</v>
      </c>
      <c r="E17" s="62">
        <v>86007</v>
      </c>
      <c r="F17" s="61">
        <v>59.8</v>
      </c>
      <c r="G17" s="62">
        <v>41344</v>
      </c>
      <c r="H17" s="63">
        <v>28.8</v>
      </c>
      <c r="I17" s="60">
        <v>18309</v>
      </c>
      <c r="J17" s="61">
        <v>12.5</v>
      </c>
      <c r="K17" s="62">
        <v>90902</v>
      </c>
      <c r="L17" s="61">
        <v>61.9</v>
      </c>
      <c r="M17" s="62">
        <v>37534</v>
      </c>
      <c r="N17" s="61">
        <v>25.6</v>
      </c>
    </row>
    <row r="18" spans="2:14" ht="25.5" customHeight="1" x14ac:dyDescent="0.4">
      <c r="B18" s="35" t="s">
        <v>24</v>
      </c>
      <c r="C18" s="60">
        <v>14261</v>
      </c>
      <c r="D18" s="61">
        <v>10.6</v>
      </c>
      <c r="E18" s="62">
        <v>79900</v>
      </c>
      <c r="F18" s="61">
        <v>59.4</v>
      </c>
      <c r="G18" s="62">
        <v>40349</v>
      </c>
      <c r="H18" s="63">
        <v>30</v>
      </c>
      <c r="I18" s="60">
        <v>14995</v>
      </c>
      <c r="J18" s="61">
        <v>11</v>
      </c>
      <c r="K18" s="62">
        <v>82682</v>
      </c>
      <c r="L18" s="61">
        <v>60.4</v>
      </c>
      <c r="M18" s="62">
        <v>39258</v>
      </c>
      <c r="N18" s="61">
        <v>28.7</v>
      </c>
    </row>
    <row r="19" spans="2:14" ht="25.5" customHeight="1" x14ac:dyDescent="0.4">
      <c r="B19" s="35" t="s">
        <v>25</v>
      </c>
      <c r="C19" s="60">
        <v>24936</v>
      </c>
      <c r="D19" s="61">
        <v>14.1</v>
      </c>
      <c r="E19" s="62">
        <v>105482</v>
      </c>
      <c r="F19" s="61">
        <v>59.7</v>
      </c>
      <c r="G19" s="62">
        <v>46169</v>
      </c>
      <c r="H19" s="63">
        <v>26.1</v>
      </c>
      <c r="I19" s="60">
        <v>25798</v>
      </c>
      <c r="J19" s="61">
        <v>14.9</v>
      </c>
      <c r="K19" s="62">
        <v>106004</v>
      </c>
      <c r="L19" s="61">
        <v>61.3</v>
      </c>
      <c r="M19" s="62">
        <v>41043</v>
      </c>
      <c r="N19" s="61">
        <v>23.7</v>
      </c>
    </row>
    <row r="20" spans="2:14" ht="25.5" customHeight="1" x14ac:dyDescent="0.4">
      <c r="B20" s="35" t="s">
        <v>26</v>
      </c>
      <c r="C20" s="60">
        <v>37454</v>
      </c>
      <c r="D20" s="61">
        <v>15.1</v>
      </c>
      <c r="E20" s="62">
        <v>153485</v>
      </c>
      <c r="F20" s="61">
        <v>61.7</v>
      </c>
      <c r="G20" s="62">
        <v>57863</v>
      </c>
      <c r="H20" s="63">
        <v>23.3</v>
      </c>
      <c r="I20" s="60">
        <v>37959</v>
      </c>
      <c r="J20" s="61">
        <v>15.7</v>
      </c>
      <c r="K20" s="62">
        <v>151703</v>
      </c>
      <c r="L20" s="61">
        <v>62.7</v>
      </c>
      <c r="M20" s="62">
        <v>52160</v>
      </c>
      <c r="N20" s="61">
        <v>21.6</v>
      </c>
    </row>
    <row r="21" spans="2:14" ht="25.5" customHeight="1" x14ac:dyDescent="0.4">
      <c r="B21" s="35" t="s">
        <v>27</v>
      </c>
      <c r="C21" s="60">
        <v>22981</v>
      </c>
      <c r="D21" s="61">
        <v>13.9</v>
      </c>
      <c r="E21" s="62">
        <v>103839</v>
      </c>
      <c r="F21" s="61">
        <v>63</v>
      </c>
      <c r="G21" s="62">
        <v>37935</v>
      </c>
      <c r="H21" s="63">
        <v>23</v>
      </c>
      <c r="I21" s="60">
        <v>23887</v>
      </c>
      <c r="J21" s="61">
        <v>14.6</v>
      </c>
      <c r="K21" s="62">
        <v>106238</v>
      </c>
      <c r="L21" s="61">
        <v>64.7</v>
      </c>
      <c r="M21" s="62">
        <v>33955</v>
      </c>
      <c r="N21" s="61">
        <v>20.7</v>
      </c>
    </row>
    <row r="22" spans="2:14" ht="25.5" customHeight="1" thickBot="1" x14ac:dyDescent="0.45">
      <c r="B22" s="40" t="s">
        <v>28</v>
      </c>
      <c r="C22" s="64">
        <v>20349</v>
      </c>
      <c r="D22" s="65">
        <v>12.3</v>
      </c>
      <c r="E22" s="66">
        <v>106132</v>
      </c>
      <c r="F22" s="65">
        <v>64.400000000000006</v>
      </c>
      <c r="G22" s="66">
        <v>38336</v>
      </c>
      <c r="H22" s="67">
        <v>23.3</v>
      </c>
      <c r="I22" s="64">
        <v>20931</v>
      </c>
      <c r="J22" s="65">
        <v>12.9</v>
      </c>
      <c r="K22" s="66">
        <v>106785</v>
      </c>
      <c r="L22" s="65">
        <v>65.599999999999994</v>
      </c>
      <c r="M22" s="66">
        <v>34967</v>
      </c>
      <c r="N22" s="65">
        <v>21.5</v>
      </c>
    </row>
    <row r="23" spans="2:14" x14ac:dyDescent="0.4">
      <c r="B23" s="45" t="s">
        <v>38</v>
      </c>
      <c r="C23" s="45"/>
      <c r="D23" s="45"/>
      <c r="E23" s="45"/>
      <c r="F23" s="45"/>
      <c r="G23" s="45"/>
      <c r="H23" s="45"/>
      <c r="I23" s="45"/>
      <c r="J23" s="45"/>
      <c r="K23" s="45"/>
      <c r="L23" s="45"/>
      <c r="M23" s="45"/>
      <c r="N23" s="45"/>
    </row>
  </sheetData>
  <mergeCells count="8">
    <mergeCell ref="C2:H2"/>
    <mergeCell ref="I2:N2"/>
    <mergeCell ref="C3:D3"/>
    <mergeCell ref="E3:F3"/>
    <mergeCell ref="G3:H3"/>
    <mergeCell ref="I3:J3"/>
    <mergeCell ref="K3:L3"/>
    <mergeCell ref="M3:N3"/>
  </mergeCells>
  <phoneticPr fontId="4"/>
  <pageMargins left="0.7" right="0.7" top="0.75" bottom="0.75" header="0.3" footer="0.3"/>
  <pageSetup paperSize="9" scale="87" orientation="landscape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第1表</vt:lpstr>
      <vt:lpstr>第2表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飯田　大介</cp:lastModifiedBy>
  <dcterms:modified xsi:type="dcterms:W3CDTF">2021-11-30T08:39:48Z</dcterms:modified>
</cp:coreProperties>
</file>